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4000" windowHeight="9750" tabRatio="882"/>
  </bookViews>
  <sheets>
    <sheet name="18-4" sheetId="31" r:id="rId1"/>
    <sheet name="18-4基" sheetId="20" state="hidden" r:id="rId2"/>
  </sheets>
  <calcPr calcId="124519"/>
</workbook>
</file>

<file path=xl/sharedStrings.xml><?xml version="1.0" encoding="utf-8"?>
<sst xmlns="http://schemas.openxmlformats.org/spreadsheetml/2006/main" count="80" uniqueCount="36">
  <si>
    <t>総数</t>
    <rPh sb="0" eb="2">
      <t>ソウスウ</t>
    </rPh>
    <phoneticPr fontId="2"/>
  </si>
  <si>
    <t>専用住宅</t>
    <rPh sb="0" eb="2">
      <t>センヨウ</t>
    </rPh>
    <rPh sb="2" eb="4">
      <t>ジュウタク</t>
    </rPh>
    <phoneticPr fontId="2"/>
  </si>
  <si>
    <t>農林漁業併用住宅</t>
    <rPh sb="0" eb="4">
      <t>ノウリンギョギョウ</t>
    </rPh>
    <rPh sb="4" eb="6">
      <t>ヘイヨウ</t>
    </rPh>
    <rPh sb="6" eb="8">
      <t>ジュウタク</t>
    </rPh>
    <phoneticPr fontId="2"/>
  </si>
  <si>
    <t>資料：住宅統計調査</t>
    <rPh sb="0" eb="2">
      <t>シリョウ</t>
    </rPh>
    <rPh sb="3" eb="5">
      <t>ジュウタク</t>
    </rPh>
    <rPh sb="5" eb="7">
      <t>トウケイ</t>
    </rPh>
    <rPh sb="7" eb="9">
      <t>チョウサ</t>
    </rPh>
    <phoneticPr fontId="2"/>
  </si>
  <si>
    <t>住宅の種類
住宅の所有関係</t>
    <rPh sb="0" eb="2">
      <t>ジュウタク</t>
    </rPh>
    <rPh sb="3" eb="5">
      <t>シュルイ</t>
    </rPh>
    <rPh sb="6" eb="8">
      <t>ジュウタク</t>
    </rPh>
    <rPh sb="9" eb="11">
      <t>ショユウ</t>
    </rPh>
    <rPh sb="11" eb="13">
      <t>カンケイ</t>
    </rPh>
    <phoneticPr fontId="2"/>
  </si>
  <si>
    <t>住宅数</t>
    <rPh sb="0" eb="2">
      <t>ジュウタク</t>
    </rPh>
    <rPh sb="2" eb="3">
      <t>カズ</t>
    </rPh>
    <phoneticPr fontId="2"/>
  </si>
  <si>
    <t>世帯数</t>
    <rPh sb="0" eb="2">
      <t>セタイ</t>
    </rPh>
    <rPh sb="2" eb="3">
      <t>カズ</t>
    </rPh>
    <phoneticPr fontId="2"/>
  </si>
  <si>
    <t>世帯人員</t>
    <rPh sb="0" eb="2">
      <t>セタイ</t>
    </rPh>
    <rPh sb="2" eb="4">
      <t>ジンイン</t>
    </rPh>
    <phoneticPr fontId="2"/>
  </si>
  <si>
    <t>１住宅当たり住居室数</t>
    <rPh sb="1" eb="3">
      <t>ジュウタク</t>
    </rPh>
    <rPh sb="3" eb="4">
      <t>ア</t>
    </rPh>
    <rPh sb="6" eb="8">
      <t>ジュウキョ</t>
    </rPh>
    <rPh sb="8" eb="9">
      <t>シツ</t>
    </rPh>
    <rPh sb="9" eb="10">
      <t>カズ</t>
    </rPh>
    <phoneticPr fontId="2"/>
  </si>
  <si>
    <t>1住宅当たり畳数</t>
    <rPh sb="1" eb="3">
      <t>ジュウタク</t>
    </rPh>
    <rPh sb="3" eb="4">
      <t>ア</t>
    </rPh>
    <rPh sb="6" eb="7">
      <t>タタミ</t>
    </rPh>
    <rPh sb="7" eb="8">
      <t>カズ</t>
    </rPh>
    <phoneticPr fontId="2"/>
  </si>
  <si>
    <t>1住宅当たり延べ面積</t>
    <rPh sb="1" eb="3">
      <t>ジュウタク</t>
    </rPh>
    <rPh sb="3" eb="4">
      <t>ア</t>
    </rPh>
    <rPh sb="6" eb="7">
      <t>ノ</t>
    </rPh>
    <rPh sb="8" eb="10">
      <t>メンセキ</t>
    </rPh>
    <phoneticPr fontId="2"/>
  </si>
  <si>
    <t>持ち家</t>
    <rPh sb="0" eb="1">
      <t>モ</t>
    </rPh>
    <rPh sb="2" eb="3">
      <t>イエ</t>
    </rPh>
    <phoneticPr fontId="2"/>
  </si>
  <si>
    <t>借家</t>
    <rPh sb="0" eb="2">
      <t>シャクヤ</t>
    </rPh>
    <phoneticPr fontId="2"/>
  </si>
  <si>
    <t>店舗・その他の併用住宅</t>
    <rPh sb="0" eb="2">
      <t>テンポ</t>
    </rPh>
    <rPh sb="5" eb="6">
      <t>タ</t>
    </rPh>
    <rPh sb="7" eb="9">
      <t>ヘイヨウ</t>
    </rPh>
    <rPh sb="9" eb="11">
      <t>ジュウタク</t>
    </rPh>
    <phoneticPr fontId="2"/>
  </si>
  <si>
    <t>1人当たり
畳数</t>
    <rPh sb="0" eb="2">
      <t>ヒトリ</t>
    </rPh>
    <rPh sb="2" eb="3">
      <t>ア</t>
    </rPh>
    <rPh sb="6" eb="7">
      <t>タタミ</t>
    </rPh>
    <rPh sb="7" eb="8">
      <t>カズ</t>
    </rPh>
    <phoneticPr fontId="2"/>
  </si>
  <si>
    <t>1室当たり
人員</t>
    <rPh sb="1" eb="2">
      <t>シツ</t>
    </rPh>
    <rPh sb="2" eb="3">
      <t>ア</t>
    </rPh>
    <rPh sb="6" eb="8">
      <t>ジンイン</t>
    </rPh>
    <phoneticPr fontId="2"/>
  </si>
  <si>
    <t>　　　資料：住宅統計調査</t>
    <rPh sb="3" eb="5">
      <t>シリョウ</t>
    </rPh>
    <rPh sb="6" eb="8">
      <t>ジュウタク</t>
    </rPh>
    <rPh sb="8" eb="10">
      <t>トウケイ</t>
    </rPh>
    <rPh sb="10" eb="12">
      <t>チョウサ</t>
    </rPh>
    <phoneticPr fontId="2"/>
  </si>
  <si>
    <t>（注）住宅総数には、住宅の所有の関係「不詳」を含む。</t>
    <rPh sb="1" eb="2">
      <t>チュウ</t>
    </rPh>
    <rPh sb="3" eb="5">
      <t>ジュウタク</t>
    </rPh>
    <rPh sb="5" eb="7">
      <t>ソウスウ</t>
    </rPh>
    <rPh sb="10" eb="12">
      <t>ジュウタク</t>
    </rPh>
    <rPh sb="13" eb="15">
      <t>ショユウ</t>
    </rPh>
    <rPh sb="16" eb="18">
      <t>カンケイ</t>
    </rPh>
    <rPh sb="19" eb="21">
      <t>フショウ</t>
    </rPh>
    <rPh sb="23" eb="24">
      <t>フク</t>
    </rPh>
    <phoneticPr fontId="2"/>
  </si>
  <si>
    <t>平成15年10月1日現在（単位：戸，世帯，人，室，畳，㎡）</t>
    <rPh sb="0" eb="2">
      <t>ヘイセイ</t>
    </rPh>
    <rPh sb="4" eb="5">
      <t>ネン</t>
    </rPh>
    <rPh sb="7" eb="8">
      <t>ガツ</t>
    </rPh>
    <rPh sb="9" eb="10">
      <t>ヒ</t>
    </rPh>
    <rPh sb="10" eb="12">
      <t>ゲンザイ</t>
    </rPh>
    <rPh sb="13" eb="15">
      <t>タンイ</t>
    </rPh>
    <rPh sb="16" eb="17">
      <t>ト</t>
    </rPh>
    <rPh sb="18" eb="20">
      <t>セタイ</t>
    </rPh>
    <rPh sb="21" eb="22">
      <t>ヒト</t>
    </rPh>
    <rPh sb="23" eb="24">
      <t>シツ</t>
    </rPh>
    <rPh sb="25" eb="26">
      <t>タタミ</t>
    </rPh>
    <phoneticPr fontId="2"/>
  </si>
  <si>
    <t>102　住宅の種類・住宅の所有関係別住宅数、世帯数</t>
    <rPh sb="4" eb="6">
      <t>ジュウタク</t>
    </rPh>
    <rPh sb="7" eb="9">
      <t>シュルイ</t>
    </rPh>
    <rPh sb="10" eb="12">
      <t>ジュウタク</t>
    </rPh>
    <rPh sb="13" eb="15">
      <t>ショユウ</t>
    </rPh>
    <rPh sb="15" eb="17">
      <t>カンケイ</t>
    </rPh>
    <rPh sb="17" eb="18">
      <t>ベツ</t>
    </rPh>
    <rPh sb="18" eb="20">
      <t>ジュウタク</t>
    </rPh>
    <rPh sb="20" eb="21">
      <t>カズ</t>
    </rPh>
    <rPh sb="22" eb="24">
      <t>セタイ</t>
    </rPh>
    <rPh sb="24" eb="25">
      <t>カズ</t>
    </rPh>
    <phoneticPr fontId="2"/>
  </si>
  <si>
    <t>旧佐久市</t>
    <rPh sb="0" eb="1">
      <t>キュウ</t>
    </rPh>
    <rPh sb="1" eb="4">
      <t>サクシ</t>
    </rPh>
    <phoneticPr fontId="2"/>
  </si>
  <si>
    <t>旧臼田町</t>
    <rPh sb="0" eb="1">
      <t>キュウ</t>
    </rPh>
    <rPh sb="1" eb="3">
      <t>ウスダ</t>
    </rPh>
    <rPh sb="3" eb="4">
      <t>マチ</t>
    </rPh>
    <phoneticPr fontId="2"/>
  </si>
  <si>
    <t>注）住宅総数には、住宅の所有の関係「不詳」を含む。</t>
    <rPh sb="0" eb="1">
      <t>チュウ</t>
    </rPh>
    <rPh sb="2" eb="4">
      <t>ジュウタク</t>
    </rPh>
    <rPh sb="4" eb="6">
      <t>ソウスウ</t>
    </rPh>
    <rPh sb="9" eb="11">
      <t>ジュウタク</t>
    </rPh>
    <rPh sb="12" eb="14">
      <t>ショユウ</t>
    </rPh>
    <rPh sb="15" eb="17">
      <t>カンケイ</t>
    </rPh>
    <rPh sb="18" eb="20">
      <t>フショウ</t>
    </rPh>
    <rPh sb="22" eb="23">
      <t>フク</t>
    </rPh>
    <phoneticPr fontId="2"/>
  </si>
  <si>
    <t>-</t>
    <phoneticPr fontId="2"/>
  </si>
  <si>
    <t>住宅の種類・
住宅の所有関係</t>
    <rPh sb="0" eb="2">
      <t>ジュウタク</t>
    </rPh>
    <rPh sb="3" eb="5">
      <t>シュルイ</t>
    </rPh>
    <rPh sb="7" eb="9">
      <t>ジュウタク</t>
    </rPh>
    <rPh sb="10" eb="12">
      <t>ショユウ</t>
    </rPh>
    <rPh sb="12" eb="14">
      <t>カンケイ</t>
    </rPh>
    <phoneticPr fontId="2"/>
  </si>
  <si>
    <t>18-4　住宅の種類・住宅の所有関係別住宅数、世帯数</t>
    <rPh sb="5" eb="7">
      <t>ジュウタク</t>
    </rPh>
    <rPh sb="8" eb="10">
      <t>シュルイ</t>
    </rPh>
    <rPh sb="11" eb="13">
      <t>ジュウタク</t>
    </rPh>
    <rPh sb="14" eb="16">
      <t>ショユウ</t>
    </rPh>
    <rPh sb="16" eb="18">
      <t>カンケイ</t>
    </rPh>
    <rPh sb="18" eb="19">
      <t>ベツ</t>
    </rPh>
    <rPh sb="19" eb="21">
      <t>ジュウタク</t>
    </rPh>
    <rPh sb="21" eb="22">
      <t>カズ</t>
    </rPh>
    <rPh sb="23" eb="25">
      <t>セタイ</t>
    </rPh>
    <rPh sb="25" eb="26">
      <t>カズ</t>
    </rPh>
    <phoneticPr fontId="2"/>
  </si>
  <si>
    <t>18-4　住宅の種類・住宅の所有関係別住宅数、世帯数</t>
    <rPh sb="5" eb="7">
      <t>ジュウタク</t>
    </rPh>
    <rPh sb="8" eb="10">
      <t>シュルイ</t>
    </rPh>
    <rPh sb="11" eb="13">
      <t>ジュウタク</t>
    </rPh>
    <rPh sb="14" eb="16">
      <t>ショユウ</t>
    </rPh>
    <rPh sb="16" eb="18">
      <t>カンケイ</t>
    </rPh>
    <rPh sb="18" eb="19">
      <t>ベツ</t>
    </rPh>
    <rPh sb="19" eb="21">
      <t>ジュウタク</t>
    </rPh>
    <rPh sb="21" eb="22">
      <t>スウ</t>
    </rPh>
    <rPh sb="23" eb="26">
      <t>セタイスウ</t>
    </rPh>
    <phoneticPr fontId="2"/>
  </si>
  <si>
    <t>住宅数</t>
    <rPh sb="0" eb="2">
      <t>ジュウタク</t>
    </rPh>
    <rPh sb="2" eb="3">
      <t>スウ</t>
    </rPh>
    <phoneticPr fontId="2"/>
  </si>
  <si>
    <t>世帯数</t>
    <rPh sb="0" eb="3">
      <t>セタイスウ</t>
    </rPh>
    <phoneticPr fontId="2"/>
  </si>
  <si>
    <t>1住宅当たり
延べ面積</t>
    <rPh sb="1" eb="3">
      <t>ジュウタク</t>
    </rPh>
    <rPh sb="3" eb="4">
      <t>ア</t>
    </rPh>
    <rPh sb="7" eb="8">
      <t>ノ</t>
    </rPh>
    <rPh sb="9" eb="11">
      <t>メンセキ</t>
    </rPh>
    <phoneticPr fontId="2"/>
  </si>
  <si>
    <t>1住宅当たり
居住室数</t>
    <rPh sb="1" eb="3">
      <t>ジュウタク</t>
    </rPh>
    <rPh sb="3" eb="4">
      <t>ア</t>
    </rPh>
    <rPh sb="7" eb="9">
      <t>キョジュウ</t>
    </rPh>
    <rPh sb="9" eb="10">
      <t>シツ</t>
    </rPh>
    <rPh sb="10" eb="11">
      <t>スウ</t>
    </rPh>
    <phoneticPr fontId="2"/>
  </si>
  <si>
    <t>1住宅当たり居住室の畳数</t>
    <rPh sb="1" eb="3">
      <t>ジュウタク</t>
    </rPh>
    <rPh sb="3" eb="4">
      <t>ア</t>
    </rPh>
    <rPh sb="6" eb="9">
      <t>キョジュウシツ</t>
    </rPh>
    <rPh sb="10" eb="11">
      <t>タタミ</t>
    </rPh>
    <rPh sb="11" eb="12">
      <t>スウ</t>
    </rPh>
    <phoneticPr fontId="2"/>
  </si>
  <si>
    <t>※　住宅総数には所有の関係「不詳」含む</t>
    <rPh sb="2" eb="4">
      <t>ジュウタク</t>
    </rPh>
    <rPh sb="4" eb="6">
      <t>ソウスウ</t>
    </rPh>
    <rPh sb="8" eb="10">
      <t>ショユウ</t>
    </rPh>
    <rPh sb="11" eb="13">
      <t>カンケイ</t>
    </rPh>
    <rPh sb="14" eb="16">
      <t>フショウ</t>
    </rPh>
    <rPh sb="17" eb="18">
      <t>フク</t>
    </rPh>
    <phoneticPr fontId="2"/>
  </si>
  <si>
    <t>資料：住宅・土地統計調査</t>
    <rPh sb="0" eb="2">
      <t>シリョウ</t>
    </rPh>
    <rPh sb="3" eb="5">
      <t>ジュウタク</t>
    </rPh>
    <rPh sb="6" eb="8">
      <t>トチ</t>
    </rPh>
    <rPh sb="8" eb="10">
      <t>トウケイ</t>
    </rPh>
    <rPh sb="10" eb="12">
      <t>チョウサ</t>
    </rPh>
    <phoneticPr fontId="2"/>
  </si>
  <si>
    <t>平成30年10月1日現在（単位：戸、世帯、人、室、畳、㎡）</t>
    <phoneticPr fontId="2"/>
  </si>
  <si>
    <t>1人当たり
居住室の畳数</t>
    <rPh sb="0" eb="2">
      <t>ヒトリ</t>
    </rPh>
    <rPh sb="2" eb="3">
      <t>ア</t>
    </rPh>
    <rPh sb="6" eb="9">
      <t>キョジュウシツ</t>
    </rPh>
    <rPh sb="10" eb="11">
      <t>タタミ</t>
    </rPh>
    <rPh sb="11" eb="12">
      <t>ス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#,###,##0;&quot;-&quot;#,###,##0"/>
    <numFmt numFmtId="177" formatCode="###,##0.00;&quot;-&quot;##,##0.00"/>
  </numFmts>
  <fonts count="12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明朝"/>
      <family val="1"/>
      <charset val="128"/>
    </font>
    <font>
      <b/>
      <sz val="11"/>
      <name val="明朝"/>
      <family val="1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8"/>
      <name val="明朝"/>
      <family val="1"/>
      <charset val="128"/>
    </font>
    <font>
      <sz val="12"/>
      <name val="明朝"/>
      <family val="1"/>
      <charset val="128"/>
    </font>
    <font>
      <b/>
      <sz val="14"/>
      <name val="明朝"/>
      <family val="1"/>
      <charset val="128"/>
    </font>
    <font>
      <sz val="12"/>
      <name val="ＭＳ Ｐ明朝"/>
      <family val="1"/>
      <charset val="128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5">
    <xf numFmtId="0" fontId="0" fillId="0" borderId="0" xfId="0"/>
    <xf numFmtId="0" fontId="3" fillId="0" borderId="0" xfId="0" applyFont="1"/>
    <xf numFmtId="0" fontId="3" fillId="0" borderId="0" xfId="0" applyFont="1" applyAlignment="1">
      <alignment vertical="center"/>
    </xf>
    <xf numFmtId="0" fontId="5" fillId="0" borderId="1" xfId="0" applyFont="1" applyBorder="1" applyAlignment="1">
      <alignment horizontal="right"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3" fillId="0" borderId="1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5" fillId="0" borderId="0" xfId="0" applyFont="1" applyBorder="1" applyAlignment="1">
      <alignment vertical="center"/>
    </xf>
    <xf numFmtId="0" fontId="3" fillId="0" borderId="0" xfId="0" applyFont="1" applyBorder="1" applyAlignment="1">
      <alignment horizontal="distributed" vertical="center"/>
    </xf>
    <xf numFmtId="0" fontId="3" fillId="0" borderId="1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38" fontId="5" fillId="0" borderId="0" xfId="1" applyFont="1" applyBorder="1" applyAlignment="1">
      <alignment vertical="center"/>
    </xf>
    <xf numFmtId="0" fontId="5" fillId="0" borderId="2" xfId="0" applyFont="1" applyBorder="1" applyAlignment="1">
      <alignment horizontal="center" vertical="center"/>
    </xf>
    <xf numFmtId="38" fontId="5" fillId="0" borderId="0" xfId="1" applyFont="1" applyBorder="1" applyAlignment="1">
      <alignment horizontal="right" vertical="center"/>
    </xf>
    <xf numFmtId="38" fontId="5" fillId="0" borderId="1" xfId="1" applyFont="1" applyBorder="1" applyAlignment="1">
      <alignment horizontal="right" vertical="center"/>
    </xf>
    <xf numFmtId="0" fontId="5" fillId="0" borderId="0" xfId="0" applyFont="1" applyBorder="1" applyAlignment="1">
      <alignment horizontal="right" vertical="center"/>
    </xf>
    <xf numFmtId="0" fontId="3" fillId="0" borderId="0" xfId="0" applyFont="1" applyBorder="1" applyAlignment="1">
      <alignment horizontal="right" vertical="center"/>
    </xf>
    <xf numFmtId="0" fontId="7" fillId="0" borderId="3" xfId="0" applyFont="1" applyBorder="1" applyAlignment="1">
      <alignment horizontal="distributed" vertical="center" wrapText="1"/>
    </xf>
    <xf numFmtId="0" fontId="7" fillId="0" borderId="4" xfId="0" applyFont="1" applyBorder="1" applyAlignment="1">
      <alignment horizontal="distributed" vertical="center" wrapText="1"/>
    </xf>
    <xf numFmtId="0" fontId="6" fillId="0" borderId="3" xfId="0" applyFont="1" applyBorder="1" applyAlignment="1">
      <alignment horizontal="distributed" vertical="center" wrapText="1"/>
    </xf>
    <xf numFmtId="0" fontId="6" fillId="0" borderId="1" xfId="0" applyFont="1" applyBorder="1" applyAlignment="1">
      <alignment horizontal="right" vertical="center"/>
    </xf>
    <xf numFmtId="0" fontId="5" fillId="0" borderId="2" xfId="0" applyFont="1" applyBorder="1" applyAlignment="1">
      <alignment horizontal="distributed" vertical="center"/>
    </xf>
    <xf numFmtId="0" fontId="5" fillId="0" borderId="2" xfId="0" applyFont="1" applyBorder="1" applyAlignment="1">
      <alignment horizontal="right" vertical="center"/>
    </xf>
    <xf numFmtId="0" fontId="4" fillId="0" borderId="1" xfId="0" applyFont="1" applyBorder="1" applyAlignment="1">
      <alignment vertical="center" wrapText="1"/>
    </xf>
    <xf numFmtId="0" fontId="5" fillId="0" borderId="5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distributed" vertical="center" wrapText="1"/>
    </xf>
    <xf numFmtId="0" fontId="6" fillId="0" borderId="0" xfId="0" applyFont="1" applyAlignment="1">
      <alignment vertical="center" wrapText="1"/>
    </xf>
    <xf numFmtId="40" fontId="5" fillId="0" borderId="0" xfId="1" applyNumberFormat="1" applyFont="1" applyBorder="1" applyAlignment="1">
      <alignment vertical="center"/>
    </xf>
    <xf numFmtId="40" fontId="5" fillId="0" borderId="0" xfId="1" applyNumberFormat="1" applyFont="1" applyBorder="1" applyAlignment="1">
      <alignment horizontal="right" vertical="center"/>
    </xf>
    <xf numFmtId="38" fontId="5" fillId="0" borderId="1" xfId="1" applyFont="1" applyBorder="1" applyAlignment="1">
      <alignment vertical="center"/>
    </xf>
    <xf numFmtId="40" fontId="5" fillId="0" borderId="1" xfId="1" applyNumberFormat="1" applyFont="1" applyBorder="1" applyAlignment="1">
      <alignment vertical="center"/>
    </xf>
    <xf numFmtId="0" fontId="5" fillId="0" borderId="1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3" fillId="0" borderId="1" xfId="0" applyFont="1" applyBorder="1" applyAlignment="1">
      <alignment horizontal="right" vertical="center"/>
    </xf>
    <xf numFmtId="0" fontId="5" fillId="0" borderId="6" xfId="0" applyFont="1" applyBorder="1" applyAlignment="1">
      <alignment horizontal="center" vertical="center" wrapText="1"/>
    </xf>
    <xf numFmtId="40" fontId="5" fillId="0" borderId="1" xfId="1" applyNumberFormat="1" applyFont="1" applyBorder="1" applyAlignment="1">
      <alignment horizontal="right" vertical="center"/>
    </xf>
    <xf numFmtId="0" fontId="6" fillId="0" borderId="7" xfId="0" applyFont="1" applyBorder="1" applyAlignment="1">
      <alignment horizontal="right" vertical="center" shrinkToFit="1"/>
    </xf>
    <xf numFmtId="0" fontId="6" fillId="0" borderId="2" xfId="0" applyFont="1" applyBorder="1" applyAlignment="1">
      <alignment horizontal="right" vertical="center" shrinkToFit="1"/>
    </xf>
    <xf numFmtId="0" fontId="5" fillId="0" borderId="8" xfId="0" applyFont="1" applyBorder="1" applyAlignment="1">
      <alignment vertical="center"/>
    </xf>
    <xf numFmtId="0" fontId="3" fillId="0" borderId="8" xfId="0" applyFont="1" applyBorder="1" applyAlignment="1">
      <alignment vertical="center"/>
    </xf>
    <xf numFmtId="0" fontId="3" fillId="0" borderId="0" xfId="0" applyFont="1" applyAlignment="1">
      <alignment horizontal="left" vertical="center"/>
    </xf>
    <xf numFmtId="0" fontId="8" fillId="0" borderId="0" xfId="0" applyFont="1"/>
    <xf numFmtId="0" fontId="9" fillId="0" borderId="0" xfId="0" applyFont="1"/>
    <xf numFmtId="0" fontId="8" fillId="0" borderId="9" xfId="0" applyFont="1" applyBorder="1" applyAlignment="1">
      <alignment vertical="center" wrapText="1"/>
    </xf>
    <xf numFmtId="0" fontId="8" fillId="0" borderId="14" xfId="0" applyFont="1" applyBorder="1" applyAlignment="1">
      <alignment vertical="center"/>
    </xf>
    <xf numFmtId="0" fontId="8" fillId="0" borderId="15" xfId="0" applyFont="1" applyBorder="1" applyAlignment="1">
      <alignment vertical="center"/>
    </xf>
    <xf numFmtId="0" fontId="8" fillId="0" borderId="16" xfId="0" applyFont="1" applyBorder="1" applyAlignment="1">
      <alignment vertical="center"/>
    </xf>
    <xf numFmtId="0" fontId="8" fillId="0" borderId="15" xfId="0" applyFont="1" applyBorder="1" applyAlignment="1">
      <alignment vertical="center" wrapText="1"/>
    </xf>
    <xf numFmtId="0" fontId="8" fillId="0" borderId="0" xfId="0" applyFont="1" applyAlignment="1">
      <alignment horizontal="right"/>
    </xf>
    <xf numFmtId="0" fontId="10" fillId="0" borderId="9" xfId="0" applyFont="1" applyBorder="1" applyAlignment="1">
      <alignment vertical="center"/>
    </xf>
    <xf numFmtId="0" fontId="10" fillId="0" borderId="9" xfId="0" applyFont="1" applyBorder="1" applyAlignment="1">
      <alignment horizontal="left" vertical="center" wrapText="1"/>
    </xf>
    <xf numFmtId="176" fontId="10" fillId="0" borderId="14" xfId="0" quotePrefix="1" applyNumberFormat="1" applyFont="1" applyFill="1" applyBorder="1" applyAlignment="1">
      <alignment horizontal="right" vertical="center"/>
    </xf>
    <xf numFmtId="177" fontId="10" fillId="0" borderId="0" xfId="0" quotePrefix="1" applyNumberFormat="1" applyFont="1" applyFill="1" applyAlignment="1">
      <alignment horizontal="right" vertical="center"/>
    </xf>
    <xf numFmtId="177" fontId="10" fillId="0" borderId="14" xfId="0" quotePrefix="1" applyNumberFormat="1" applyFont="1" applyFill="1" applyBorder="1" applyAlignment="1">
      <alignment horizontal="right" vertical="center"/>
    </xf>
    <xf numFmtId="177" fontId="10" fillId="0" borderId="11" xfId="0" quotePrefix="1" applyNumberFormat="1" applyFont="1" applyFill="1" applyBorder="1" applyAlignment="1">
      <alignment horizontal="right" vertical="center"/>
    </xf>
    <xf numFmtId="177" fontId="10" fillId="0" borderId="13" xfId="0" quotePrefix="1" applyNumberFormat="1" applyFont="1" applyFill="1" applyBorder="1" applyAlignment="1">
      <alignment horizontal="right" vertical="center"/>
    </xf>
    <xf numFmtId="176" fontId="10" fillId="0" borderId="15" xfId="0" quotePrefix="1" applyNumberFormat="1" applyFont="1" applyFill="1" applyBorder="1" applyAlignment="1">
      <alignment horizontal="right" vertical="center"/>
    </xf>
    <xf numFmtId="177" fontId="10" fillId="0" borderId="10" xfId="0" quotePrefix="1" applyNumberFormat="1" applyFont="1" applyFill="1" applyBorder="1" applyAlignment="1">
      <alignment horizontal="right" vertical="center"/>
    </xf>
    <xf numFmtId="177" fontId="10" fillId="0" borderId="15" xfId="0" quotePrefix="1" applyNumberFormat="1" applyFont="1" applyFill="1" applyBorder="1" applyAlignment="1">
      <alignment horizontal="right" vertical="center"/>
    </xf>
    <xf numFmtId="177" fontId="10" fillId="0" borderId="12" xfId="0" quotePrefix="1" applyNumberFormat="1" applyFont="1" applyFill="1" applyBorder="1" applyAlignment="1">
      <alignment horizontal="right" vertical="center"/>
    </xf>
    <xf numFmtId="176" fontId="10" fillId="0" borderId="16" xfId="0" quotePrefix="1" applyNumberFormat="1" applyFont="1" applyFill="1" applyBorder="1" applyAlignment="1">
      <alignment horizontal="right" vertical="center"/>
    </xf>
    <xf numFmtId="177" fontId="10" fillId="0" borderId="16" xfId="0" quotePrefix="1" applyNumberFormat="1" applyFont="1" applyFill="1" applyBorder="1" applyAlignment="1">
      <alignment horizontal="right" vertical="center"/>
    </xf>
    <xf numFmtId="177" fontId="10" fillId="0" borderId="2" xfId="0" quotePrefix="1" applyNumberFormat="1" applyFont="1" applyFill="1" applyBorder="1" applyAlignment="1">
      <alignment horizontal="right" vertical="center"/>
    </xf>
    <xf numFmtId="0" fontId="11" fillId="0" borderId="9" xfId="0" applyFont="1" applyBorder="1" applyAlignment="1">
      <alignment horizontal="left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2"/>
  <sheetViews>
    <sheetView tabSelected="1" zoomScaleNormal="100" workbookViewId="0"/>
  </sheetViews>
  <sheetFormatPr defaultRowHeight="13.5"/>
  <cols>
    <col min="1" max="1" width="20.5" style="1" customWidth="1"/>
    <col min="2" max="3" width="7.5" style="1" bestFit="1" customWidth="1"/>
    <col min="4" max="4" width="9.5" style="1" bestFit="1" customWidth="1"/>
    <col min="5" max="5" width="13.125" style="1" customWidth="1"/>
    <col min="6" max="6" width="13.75" style="1" bestFit="1" customWidth="1"/>
    <col min="7" max="7" width="11.75" style="1" bestFit="1" customWidth="1"/>
    <col min="8" max="9" width="9.625" style="1" bestFit="1" customWidth="1"/>
    <col min="10" max="10" width="5.25" style="1" customWidth="1"/>
    <col min="11" max="16384" width="9" style="1"/>
  </cols>
  <sheetData>
    <row r="1" spans="1:10" ht="17.25">
      <c r="A1" s="43" t="s">
        <v>26</v>
      </c>
    </row>
    <row r="2" spans="1:10" ht="17.25">
      <c r="A2" s="43"/>
    </row>
    <row r="3" spans="1:10" ht="14.25">
      <c r="A3" s="42"/>
      <c r="B3" s="42"/>
      <c r="C3" s="42"/>
      <c r="D3" s="42"/>
      <c r="E3" s="42"/>
      <c r="F3" s="42"/>
      <c r="G3" s="42"/>
      <c r="H3" s="42"/>
      <c r="I3" s="49" t="s">
        <v>34</v>
      </c>
    </row>
    <row r="4" spans="1:10" ht="39" customHeight="1">
      <c r="A4" s="44" t="s">
        <v>4</v>
      </c>
      <c r="B4" s="50" t="s">
        <v>27</v>
      </c>
      <c r="C4" s="50" t="s">
        <v>28</v>
      </c>
      <c r="D4" s="50" t="s">
        <v>7</v>
      </c>
      <c r="E4" s="51" t="s">
        <v>30</v>
      </c>
      <c r="F4" s="51" t="s">
        <v>31</v>
      </c>
      <c r="G4" s="51" t="s">
        <v>29</v>
      </c>
      <c r="H4" s="64" t="s">
        <v>35</v>
      </c>
      <c r="I4" s="51" t="s">
        <v>15</v>
      </c>
      <c r="J4" s="41"/>
    </row>
    <row r="5" spans="1:10" ht="29.25" customHeight="1">
      <c r="A5" s="45" t="s">
        <v>0</v>
      </c>
      <c r="B5" s="52">
        <v>39520</v>
      </c>
      <c r="C5" s="52">
        <v>39630</v>
      </c>
      <c r="D5" s="52">
        <v>97090</v>
      </c>
      <c r="E5" s="53">
        <v>5.38</v>
      </c>
      <c r="F5" s="54">
        <v>40.56</v>
      </c>
      <c r="G5" s="53">
        <v>119.42</v>
      </c>
      <c r="H5" s="54">
        <v>16.46</v>
      </c>
      <c r="I5" s="55">
        <v>0.46</v>
      </c>
    </row>
    <row r="6" spans="1:10" ht="29.25" customHeight="1">
      <c r="A6" s="45" t="s">
        <v>11</v>
      </c>
      <c r="B6" s="52">
        <v>28420</v>
      </c>
      <c r="C6" s="52">
        <v>28530</v>
      </c>
      <c r="D6" s="52">
        <v>76490</v>
      </c>
      <c r="E6" s="56">
        <v>6.38</v>
      </c>
      <c r="F6" s="54">
        <v>48.56</v>
      </c>
      <c r="G6" s="56">
        <v>144.53</v>
      </c>
      <c r="H6" s="54">
        <v>18.04</v>
      </c>
      <c r="I6" s="55">
        <v>0.42</v>
      </c>
    </row>
    <row r="7" spans="1:10" ht="29.25" customHeight="1">
      <c r="A7" s="46" t="s">
        <v>12</v>
      </c>
      <c r="B7" s="57">
        <v>10730</v>
      </c>
      <c r="C7" s="57">
        <v>10730</v>
      </c>
      <c r="D7" s="57">
        <v>19950</v>
      </c>
      <c r="E7" s="58">
        <v>2.73</v>
      </c>
      <c r="F7" s="59">
        <v>19.350000000000001</v>
      </c>
      <c r="G7" s="58">
        <v>52.89</v>
      </c>
      <c r="H7" s="59">
        <v>10.4</v>
      </c>
      <c r="I7" s="60">
        <v>0.68</v>
      </c>
    </row>
    <row r="8" spans="1:10" ht="29.25" customHeight="1">
      <c r="A8" s="47" t="s">
        <v>1</v>
      </c>
      <c r="B8" s="61">
        <v>38560</v>
      </c>
      <c r="C8" s="61">
        <v>38680</v>
      </c>
      <c r="D8" s="61">
        <v>94730</v>
      </c>
      <c r="E8" s="53">
        <v>5.37</v>
      </c>
      <c r="F8" s="62">
        <v>40.47</v>
      </c>
      <c r="G8" s="53">
        <v>118.43</v>
      </c>
      <c r="H8" s="62">
        <v>16.43</v>
      </c>
      <c r="I8" s="63">
        <v>0.46</v>
      </c>
    </row>
    <row r="9" spans="1:10" ht="29.25" customHeight="1">
      <c r="A9" s="48" t="s">
        <v>13</v>
      </c>
      <c r="B9" s="57">
        <v>950</v>
      </c>
      <c r="C9" s="57">
        <v>950</v>
      </c>
      <c r="D9" s="57">
        <v>2360</v>
      </c>
      <c r="E9" s="58">
        <v>5.7</v>
      </c>
      <c r="F9" s="59">
        <v>44.17</v>
      </c>
      <c r="G9" s="58">
        <v>158.97999999999999</v>
      </c>
      <c r="H9" s="59">
        <v>17.84</v>
      </c>
      <c r="I9" s="60">
        <v>0.43</v>
      </c>
    </row>
    <row r="11" spans="1:10">
      <c r="A11" s="1" t="s">
        <v>33</v>
      </c>
    </row>
    <row r="12" spans="1:10">
      <c r="A12" s="1" t="s">
        <v>32</v>
      </c>
    </row>
  </sheetData>
  <phoneticPr fontId="2"/>
  <pageMargins left="0.78740157480314965" right="0.78740157480314965" top="0.98425196850393704" bottom="0.98425196850393704" header="0.51181102362204722" footer="0.51181102362204722"/>
  <pageSetup paperSize="9" orientation="landscape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3"/>
  <sheetViews>
    <sheetView topLeftCell="A14" workbookViewId="0">
      <selection activeCell="B14" sqref="B14"/>
    </sheetView>
  </sheetViews>
  <sheetFormatPr defaultRowHeight="13.5"/>
  <cols>
    <col min="1" max="1" width="17.125" style="2" customWidth="1"/>
    <col min="2" max="4" width="8.75" style="2" customWidth="1"/>
    <col min="5" max="9" width="8.375" style="2" customWidth="1"/>
    <col min="10" max="10" width="0.625" style="2" customWidth="1"/>
    <col min="11" max="16384" width="9" style="1"/>
  </cols>
  <sheetData>
    <row r="1" spans="1:10" ht="33.75" hidden="1" customHeight="1">
      <c r="A1" s="11" t="s">
        <v>19</v>
      </c>
      <c r="B1" s="11"/>
      <c r="C1" s="11"/>
      <c r="E1" s="4"/>
      <c r="F1" s="4"/>
      <c r="G1" s="4"/>
      <c r="H1" s="4"/>
    </row>
    <row r="2" spans="1:10" ht="20.25" hidden="1" customHeight="1" thickBot="1">
      <c r="A2" s="24"/>
      <c r="B2" s="24"/>
      <c r="C2" s="24"/>
      <c r="D2" s="10"/>
      <c r="E2" s="6"/>
      <c r="F2" s="6"/>
      <c r="G2" s="6"/>
      <c r="H2" s="6"/>
      <c r="I2" s="16" t="s">
        <v>18</v>
      </c>
    </row>
    <row r="3" spans="1:10" ht="24" hidden="1">
      <c r="A3" s="25" t="s">
        <v>4</v>
      </c>
      <c r="B3" s="26" t="s">
        <v>5</v>
      </c>
      <c r="C3" s="26" t="s">
        <v>6</v>
      </c>
      <c r="D3" s="26" t="s">
        <v>7</v>
      </c>
      <c r="E3" s="26" t="s">
        <v>8</v>
      </c>
      <c r="F3" s="26" t="s">
        <v>9</v>
      </c>
      <c r="G3" s="26" t="s">
        <v>10</v>
      </c>
      <c r="H3" s="26" t="s">
        <v>14</v>
      </c>
      <c r="I3" s="26" t="s">
        <v>15</v>
      </c>
      <c r="J3" s="27"/>
    </row>
    <row r="4" spans="1:10" ht="21.75" hidden="1" customHeight="1">
      <c r="A4" s="9" t="s">
        <v>0</v>
      </c>
      <c r="B4" s="12"/>
      <c r="C4" s="12"/>
      <c r="D4" s="12"/>
      <c r="E4" s="28"/>
      <c r="F4" s="28"/>
      <c r="G4" s="8"/>
      <c r="H4" s="28"/>
      <c r="I4" s="28"/>
    </row>
    <row r="5" spans="1:10" ht="21.75" hidden="1" customHeight="1">
      <c r="A5" s="17" t="s">
        <v>11</v>
      </c>
      <c r="B5" s="12"/>
      <c r="C5" s="12"/>
      <c r="D5" s="12"/>
      <c r="E5" s="28"/>
      <c r="F5" s="28"/>
      <c r="G5" s="8"/>
      <c r="H5" s="28"/>
      <c r="I5" s="28"/>
    </row>
    <row r="6" spans="1:10" ht="21.75" hidden="1" customHeight="1">
      <c r="A6" s="17" t="s">
        <v>12</v>
      </c>
      <c r="B6" s="12"/>
      <c r="C6" s="12"/>
      <c r="D6" s="12"/>
      <c r="E6" s="28"/>
      <c r="F6" s="28"/>
      <c r="G6" s="8"/>
      <c r="H6" s="28"/>
      <c r="I6" s="28"/>
    </row>
    <row r="7" spans="1:10" ht="21.75" hidden="1" customHeight="1">
      <c r="A7" s="17" t="s">
        <v>1</v>
      </c>
      <c r="B7" s="12"/>
      <c r="C7" s="12"/>
      <c r="D7" s="12"/>
      <c r="E7" s="28"/>
      <c r="F7" s="28"/>
      <c r="G7" s="8"/>
      <c r="H7" s="28"/>
      <c r="I7" s="28"/>
    </row>
    <row r="8" spans="1:10" ht="21.75" hidden="1" customHeight="1">
      <c r="A8" s="17" t="s">
        <v>2</v>
      </c>
      <c r="B8" s="14"/>
      <c r="C8" s="14"/>
      <c r="D8" s="14"/>
      <c r="E8" s="29"/>
      <c r="F8" s="29"/>
      <c r="G8" s="16"/>
      <c r="H8" s="29"/>
      <c r="I8" s="29"/>
    </row>
    <row r="9" spans="1:10" ht="21.75" hidden="1" customHeight="1" thickBot="1">
      <c r="A9" s="21" t="s">
        <v>13</v>
      </c>
      <c r="B9" s="30"/>
      <c r="C9" s="30"/>
      <c r="D9" s="30"/>
      <c r="E9" s="31"/>
      <c r="F9" s="31"/>
      <c r="G9" s="32"/>
      <c r="H9" s="31"/>
      <c r="I9" s="31"/>
    </row>
    <row r="10" spans="1:10" hidden="1">
      <c r="A10" s="7" t="s">
        <v>17</v>
      </c>
      <c r="B10" s="8"/>
      <c r="C10" s="8"/>
      <c r="D10" s="8"/>
      <c r="E10" s="8"/>
      <c r="F10" s="8"/>
      <c r="G10" s="8"/>
      <c r="H10" s="8"/>
      <c r="I10" s="8"/>
    </row>
    <row r="11" spans="1:10" hidden="1">
      <c r="A11" s="7" t="s">
        <v>16</v>
      </c>
    </row>
    <row r="12" spans="1:10" hidden="1"/>
    <row r="13" spans="1:10" hidden="1"/>
    <row r="14" spans="1:10" ht="18.75" customHeight="1">
      <c r="A14" s="11" t="s">
        <v>25</v>
      </c>
    </row>
    <row r="15" spans="1:10" ht="16.5" customHeight="1" thickBot="1">
      <c r="A15" s="10"/>
      <c r="B15" s="33"/>
      <c r="C15" s="33"/>
      <c r="E15" s="34"/>
      <c r="F15" s="34"/>
      <c r="G15" s="34"/>
      <c r="H15" s="34"/>
      <c r="I15" s="3" t="s">
        <v>18</v>
      </c>
    </row>
    <row r="16" spans="1:10" ht="24">
      <c r="A16" s="35" t="s">
        <v>24</v>
      </c>
      <c r="B16" s="20" t="s">
        <v>5</v>
      </c>
      <c r="C16" s="20" t="s">
        <v>6</v>
      </c>
      <c r="D16" s="20" t="s">
        <v>7</v>
      </c>
      <c r="E16" s="18" t="s">
        <v>8</v>
      </c>
      <c r="F16" s="18" t="s">
        <v>9</v>
      </c>
      <c r="G16" s="18" t="s">
        <v>10</v>
      </c>
      <c r="H16" s="18" t="s">
        <v>14</v>
      </c>
      <c r="I16" s="19" t="s">
        <v>15</v>
      </c>
      <c r="J16" s="27"/>
    </row>
    <row r="17" spans="1:9" ht="15.75" customHeight="1">
      <c r="A17" s="13" t="s">
        <v>20</v>
      </c>
      <c r="B17" s="5"/>
      <c r="C17" s="5"/>
      <c r="D17" s="5"/>
      <c r="E17" s="5"/>
      <c r="F17" s="5"/>
      <c r="G17" s="5"/>
      <c r="H17" s="5"/>
      <c r="I17" s="5"/>
    </row>
    <row r="18" spans="1:9" ht="15.75" customHeight="1">
      <c r="A18" s="22" t="s">
        <v>0</v>
      </c>
      <c r="B18" s="12">
        <v>22730</v>
      </c>
      <c r="C18" s="12">
        <v>22750</v>
      </c>
      <c r="D18" s="12">
        <v>66630</v>
      </c>
      <c r="E18" s="28">
        <v>5.95</v>
      </c>
      <c r="F18" s="28">
        <v>42.78</v>
      </c>
      <c r="G18" s="8">
        <v>125.3</v>
      </c>
      <c r="H18" s="28">
        <v>14.59</v>
      </c>
      <c r="I18" s="28">
        <v>0.49</v>
      </c>
    </row>
    <row r="19" spans="1:9" ht="15.75" customHeight="1">
      <c r="A19" s="23" t="s">
        <v>11</v>
      </c>
      <c r="B19" s="12">
        <v>16930</v>
      </c>
      <c r="C19" s="12">
        <v>16930</v>
      </c>
      <c r="D19" s="12">
        <v>54010</v>
      </c>
      <c r="E19" s="28">
        <v>7</v>
      </c>
      <c r="F19" s="28">
        <v>51.21</v>
      </c>
      <c r="G19" s="8">
        <v>151.96</v>
      </c>
      <c r="H19" s="28">
        <v>16.05</v>
      </c>
      <c r="I19" s="28">
        <v>0.46</v>
      </c>
    </row>
    <row r="20" spans="1:9" ht="15.75" customHeight="1">
      <c r="A20" s="23" t="s">
        <v>12</v>
      </c>
      <c r="B20" s="12">
        <v>5780</v>
      </c>
      <c r="C20" s="12">
        <v>5810</v>
      </c>
      <c r="D20" s="12">
        <v>12600</v>
      </c>
      <c r="E20" s="28">
        <v>2.87</v>
      </c>
      <c r="F20" s="28">
        <v>18.079999999999998</v>
      </c>
      <c r="G20" s="8">
        <v>47.25</v>
      </c>
      <c r="H20" s="28">
        <v>8.3000000000000007</v>
      </c>
      <c r="I20" s="28">
        <v>0.76</v>
      </c>
    </row>
    <row r="21" spans="1:9" ht="15.75" customHeight="1">
      <c r="A21" s="23" t="s">
        <v>1</v>
      </c>
      <c r="B21" s="12">
        <v>22170</v>
      </c>
      <c r="C21" s="12">
        <v>22200</v>
      </c>
      <c r="D21" s="12">
        <v>65150</v>
      </c>
      <c r="E21" s="28">
        <v>5.93</v>
      </c>
      <c r="F21" s="28">
        <v>42.54</v>
      </c>
      <c r="G21" s="8">
        <v>123.69</v>
      </c>
      <c r="H21" s="28">
        <v>14.48</v>
      </c>
      <c r="I21" s="28">
        <v>0.5</v>
      </c>
    </row>
    <row r="22" spans="1:9" ht="15.75" customHeight="1">
      <c r="A22" s="23" t="s">
        <v>2</v>
      </c>
      <c r="B22" s="14" t="s">
        <v>23</v>
      </c>
      <c r="C22" s="14" t="s">
        <v>23</v>
      </c>
      <c r="D22" s="14" t="s">
        <v>23</v>
      </c>
      <c r="E22" s="29" t="s">
        <v>23</v>
      </c>
      <c r="F22" s="29" t="s">
        <v>23</v>
      </c>
      <c r="G22" s="16" t="s">
        <v>23</v>
      </c>
      <c r="H22" s="29" t="s">
        <v>23</v>
      </c>
      <c r="I22" s="29" t="s">
        <v>23</v>
      </c>
    </row>
    <row r="23" spans="1:9" ht="15.75" customHeight="1" thickBot="1">
      <c r="A23" s="38" t="s">
        <v>13</v>
      </c>
      <c r="B23" s="12">
        <v>550</v>
      </c>
      <c r="C23" s="12">
        <v>550</v>
      </c>
      <c r="D23" s="12">
        <v>1480</v>
      </c>
      <c r="E23" s="28">
        <v>6.81</v>
      </c>
      <c r="F23" s="28">
        <v>52.22</v>
      </c>
      <c r="G23" s="8">
        <v>190.05</v>
      </c>
      <c r="H23" s="28">
        <v>19.420000000000002</v>
      </c>
      <c r="I23" s="28">
        <v>0.39</v>
      </c>
    </row>
    <row r="24" spans="1:9" ht="9.75" customHeight="1" thickBot="1">
      <c r="A24" s="40"/>
      <c r="B24" s="39"/>
      <c r="C24" s="39"/>
      <c r="D24" s="39"/>
      <c r="E24" s="39"/>
      <c r="F24" s="39"/>
      <c r="G24" s="39"/>
      <c r="H24" s="39"/>
      <c r="I24" s="39"/>
    </row>
    <row r="25" spans="1:9" ht="15.75" customHeight="1">
      <c r="A25" s="13" t="s">
        <v>21</v>
      </c>
      <c r="B25" s="8"/>
      <c r="C25" s="8"/>
      <c r="D25" s="8"/>
      <c r="E25" s="8"/>
      <c r="F25" s="8"/>
      <c r="G25" s="8"/>
      <c r="H25" s="8"/>
      <c r="I25" s="8"/>
    </row>
    <row r="26" spans="1:9" ht="15.75" customHeight="1">
      <c r="A26" s="22" t="s">
        <v>0</v>
      </c>
      <c r="B26" s="14">
        <v>4670</v>
      </c>
      <c r="C26" s="14">
        <v>4670</v>
      </c>
      <c r="D26" s="14">
        <v>14540</v>
      </c>
      <c r="E26" s="29">
        <v>6.65</v>
      </c>
      <c r="F26" s="29">
        <v>47.3</v>
      </c>
      <c r="G26" s="16">
        <v>139.94</v>
      </c>
      <c r="H26" s="29">
        <v>15.19</v>
      </c>
      <c r="I26" s="29">
        <v>0.47</v>
      </c>
    </row>
    <row r="27" spans="1:9" ht="15.75" customHeight="1">
      <c r="A27" s="23" t="s">
        <v>11</v>
      </c>
      <c r="B27" s="14">
        <v>4100</v>
      </c>
      <c r="C27" s="14">
        <v>4100</v>
      </c>
      <c r="D27" s="14">
        <v>12990</v>
      </c>
      <c r="E27" s="29">
        <v>7.05</v>
      </c>
      <c r="F27" s="29">
        <v>50.72</v>
      </c>
      <c r="G27" s="16">
        <v>151.86000000000001</v>
      </c>
      <c r="H27" s="29">
        <v>16</v>
      </c>
      <c r="I27" s="29">
        <v>0.45</v>
      </c>
    </row>
    <row r="28" spans="1:9" ht="15.75" customHeight="1">
      <c r="A28" s="23" t="s">
        <v>12</v>
      </c>
      <c r="B28" s="14">
        <v>570</v>
      </c>
      <c r="C28" s="14">
        <v>570</v>
      </c>
      <c r="D28" s="14">
        <v>1550</v>
      </c>
      <c r="E28" s="29">
        <v>3.77</v>
      </c>
      <c r="F28" s="29">
        <v>22.76</v>
      </c>
      <c r="G28" s="16">
        <v>54.49</v>
      </c>
      <c r="H28" s="29">
        <v>8.39</v>
      </c>
      <c r="I28" s="29">
        <v>0.72</v>
      </c>
    </row>
    <row r="29" spans="1:9" ht="15.75" customHeight="1">
      <c r="A29" s="23" t="s">
        <v>1</v>
      </c>
      <c r="B29" s="14">
        <v>4540</v>
      </c>
      <c r="C29" s="14">
        <v>4540</v>
      </c>
      <c r="D29" s="14">
        <v>14070</v>
      </c>
      <c r="E29" s="29">
        <v>6.69</v>
      </c>
      <c r="F29" s="29">
        <v>47.46</v>
      </c>
      <c r="G29" s="16">
        <v>140.15</v>
      </c>
      <c r="H29" s="29">
        <v>15.31</v>
      </c>
      <c r="I29" s="29">
        <v>0.46</v>
      </c>
    </row>
    <row r="30" spans="1:9" ht="15.75" customHeight="1">
      <c r="A30" s="23" t="s">
        <v>2</v>
      </c>
      <c r="B30" s="14" t="s">
        <v>23</v>
      </c>
      <c r="C30" s="14" t="s">
        <v>23</v>
      </c>
      <c r="D30" s="14" t="s">
        <v>23</v>
      </c>
      <c r="E30" s="29" t="s">
        <v>23</v>
      </c>
      <c r="F30" s="29" t="s">
        <v>23</v>
      </c>
      <c r="G30" s="16" t="s">
        <v>23</v>
      </c>
      <c r="H30" s="29" t="s">
        <v>23</v>
      </c>
      <c r="I30" s="29" t="s">
        <v>23</v>
      </c>
    </row>
    <row r="31" spans="1:9" ht="15.75" customHeight="1" thickBot="1">
      <c r="A31" s="37" t="s">
        <v>13</v>
      </c>
      <c r="B31" s="15">
        <v>130</v>
      </c>
      <c r="C31" s="15">
        <v>130</v>
      </c>
      <c r="D31" s="15">
        <v>470</v>
      </c>
      <c r="E31" s="36">
        <v>5.22</v>
      </c>
      <c r="F31" s="36">
        <v>41.69</v>
      </c>
      <c r="G31" s="3">
        <v>132.85</v>
      </c>
      <c r="H31" s="36">
        <v>11.62</v>
      </c>
      <c r="I31" s="36">
        <v>0.69</v>
      </c>
    </row>
    <row r="32" spans="1:9">
      <c r="A32" s="7" t="s">
        <v>22</v>
      </c>
      <c r="B32" s="7"/>
      <c r="C32" s="8"/>
      <c r="D32" s="8"/>
      <c r="E32" s="8"/>
      <c r="F32" s="8"/>
      <c r="G32" s="8"/>
      <c r="H32" s="8"/>
      <c r="I32" s="8"/>
    </row>
    <row r="33" spans="1:2">
      <c r="A33" s="7" t="s">
        <v>3</v>
      </c>
      <c r="B33" s="7"/>
    </row>
  </sheetData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18-4</vt:lpstr>
      <vt:lpstr>18-4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建設</dc:title>
  <dc:creator>統計係</dc:creator>
  <cp:lastModifiedBy>Administrator</cp:lastModifiedBy>
  <cp:lastPrinted>2021-02-06T03:14:44Z</cp:lastPrinted>
  <dcterms:created xsi:type="dcterms:W3CDTF">1997-01-08T22:48:59Z</dcterms:created>
  <dcterms:modified xsi:type="dcterms:W3CDTF">2021-02-06T03:15:45Z</dcterms:modified>
</cp:coreProperties>
</file>